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52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111 czujniki noworodki przyrządy cytostatyki\zaproszenie\"/>
    </mc:Choice>
  </mc:AlternateContent>
  <xr:revisionPtr revIDLastSave="0" documentId="13_ncr:1_{3B33E45A-A5E0-4109-86B7-47CB6EBD524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$A$1:$L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25" i="6" l="1"/>
  <c r="J26" i="6" s="1"/>
  <c r="J12" i="6"/>
  <c r="J13" i="6" s="1"/>
  <c r="L25" i="6" l="1"/>
  <c r="L27" i="6" s="1"/>
  <c r="N25" i="6"/>
  <c r="L12" i="6"/>
  <c r="L14" i="6" s="1"/>
  <c r="N28" i="6" l="1"/>
  <c r="M25" i="6"/>
  <c r="N12" i="6"/>
  <c r="N15" i="6" s="1"/>
  <c r="M12" i="6" l="1"/>
</calcChain>
</file>

<file path=xl/sharedStrings.xml><?xml version="1.0" encoding="utf-8"?>
<sst xmlns="http://schemas.openxmlformats.org/spreadsheetml/2006/main" count="68" uniqueCount="36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szt.</t>
  </si>
  <si>
    <t xml:space="preserve"> Klasa medyczna produktu, nr katalogowy, producent,  nazwa handlowa (tożsama z nazwą, która będzie widniała na fakturze) </t>
  </si>
  <si>
    <t>WZÓR FORMULARZA CENOWEGO - DZPZ/ 333/ 111 / 2023</t>
  </si>
  <si>
    <r>
      <rPr>
        <b/>
        <sz val="11"/>
        <color rgb="FF000000"/>
        <rFont val="Times New Roman"/>
        <family val="1"/>
        <charset val="238"/>
      </rPr>
      <t>Czujniki jednorazowe do monitorowania saturacji u wcześniaków</t>
    </r>
    <r>
      <rPr>
        <sz val="11"/>
        <color rgb="FF000000"/>
        <rFont val="Times New Roman"/>
        <family val="1"/>
        <charset val="238"/>
      </rPr>
      <t xml:space="preserve">. Czujnik kompatybilne z urządzeniami  w technologii Nellcor OxiMax (kalibrowane cyfrowo lub analogowo)
- nie zawierający lateksu i ftalanów 
- przeznaczony dla jednego pacjenta 
- hipoalergiczny dla szczególnie wrażliwej skóry 
- w kształcie litery L 
- opaska mocująca z diodami monitorującymi  o długości do 9 cm  i szerokości maksymalnie 1,5 cm,  dystans  między diodami maksymalnie 2 cm  
- zaopatrzony w dodatkową opaskę mocującą (stabilizator na kostkę)
- o długości kabla do 90 cm 
- przeznaczone dla wcześniaków poniżej 1,5 kg 
 - sterylny pakowany pojedynczo </t>
    </r>
  </si>
  <si>
    <t>część nr 1</t>
  </si>
  <si>
    <t xml:space="preserve">Opis produktu oferowanego </t>
  </si>
  <si>
    <t>X</t>
  </si>
  <si>
    <t>UWAGA! POWYŻSZY FORMULARZ CENOWY ZAWIERA AUTOMATYCZNE FUNKCJE - NALEŻY UZUPEŁNIĆ KOLUMNY X, Y, B i V. ZAMAWIAJĄCY ZAZNACZA, ŻE NINIEJSZY FORMULARZ JEST TYLKO WZOREM I TO DO WYKONAWCY NALEŻY PRAWIDŁOWE OBLICZENIE CENY</t>
  </si>
  <si>
    <t>część nr 2</t>
  </si>
  <si>
    <t>Przyrząd do przetaczania  płynów-światłoczuły (bursztynowy ). Komora kroplowa:Filtr infuzyjny w komorze kroplowej 15 μm , komora kroplowa, kolec dwukanałowy, komora przezroczysta, elastyczna.odpowietrznik z filterm p/bakteryjnym Dren: dł min 150 cm z zaciskiem rolkowym. Swiatłoczuły /  bursztynowy .Wyrób medyczny pozbawiony ftalanów. Sterylny opakowanie papier/folia. filtr hydrofobowy na końcu drenu, zabezpieczający przed wyciekaniem płynu z drenu podczas jego wypełniania, steryl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23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sz val="11"/>
      <color rgb="FF000000"/>
      <name val="Times New Roman"/>
      <family val="1"/>
      <charset val="238"/>
    </font>
    <font>
      <b/>
      <sz val="11"/>
      <color rgb="FF000000"/>
      <name val="Times New Roman"/>
      <family val="1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0">
    <xf numFmtId="0" fontId="0" fillId="0" borderId="0"/>
    <xf numFmtId="9" fontId="1" fillId="0" borderId="0" applyFont="0" applyFill="0" applyBorder="0" applyAlignment="0" applyProtection="0"/>
    <xf numFmtId="0" fontId="6" fillId="0" borderId="0"/>
    <xf numFmtId="0" fontId="9" fillId="0" borderId="0"/>
    <xf numFmtId="0" fontId="10" fillId="0" borderId="0" applyNumberFormat="0" applyBorder="0" applyProtection="0"/>
    <xf numFmtId="0" fontId="11" fillId="5" borderId="0" applyNumberFormat="0" applyBorder="0" applyProtection="0"/>
    <xf numFmtId="0" fontId="11" fillId="6" borderId="0" applyNumberFormat="0" applyBorder="0" applyProtection="0"/>
    <xf numFmtId="0" fontId="10" fillId="7" borderId="0" applyNumberFormat="0" applyBorder="0" applyProtection="0"/>
    <xf numFmtId="0" fontId="12" fillId="8" borderId="0" applyNumberFormat="0" applyBorder="0" applyProtection="0"/>
    <xf numFmtId="0" fontId="13" fillId="9" borderId="0" applyNumberFormat="0" applyBorder="0" applyProtection="0"/>
    <xf numFmtId="0" fontId="14" fillId="0" borderId="0" applyNumberFormat="0" applyBorder="0" applyProtection="0"/>
    <xf numFmtId="0" fontId="15" fillId="10" borderId="0" applyNumberFormat="0" applyBorder="0" applyProtection="0"/>
    <xf numFmtId="0" fontId="16" fillId="0" borderId="0" applyNumberFormat="0" applyBorder="0" applyProtection="0"/>
    <xf numFmtId="0" fontId="17" fillId="0" borderId="0" applyNumberFormat="0" applyBorder="0" applyProtection="0"/>
    <xf numFmtId="0" fontId="18" fillId="0" borderId="0" applyNumberFormat="0" applyBorder="0" applyProtection="0"/>
    <xf numFmtId="0" fontId="19" fillId="11" borderId="0" applyNumberFormat="0" applyBorder="0" applyProtection="0"/>
    <xf numFmtId="0" fontId="20" fillId="11" borderId="28" applyNumberFormat="0" applyProtection="0"/>
    <xf numFmtId="0" fontId="9" fillId="0" borderId="0" applyNumberFormat="0" applyFont="0" applyBorder="0" applyProtection="0"/>
    <xf numFmtId="0" fontId="9" fillId="0" borderId="0" applyNumberFormat="0" applyFont="0" applyBorder="0" applyProtection="0"/>
    <xf numFmtId="0" fontId="12" fillId="0" borderId="0" applyNumberFormat="0" applyBorder="0" applyProtection="0"/>
  </cellStyleXfs>
  <cellXfs count="62">
    <xf numFmtId="0" fontId="0" fillId="0" borderId="0" xfId="0"/>
    <xf numFmtId="0" fontId="0" fillId="0" borderId="0" xfId="0" applyAlignment="1">
      <alignment horizontal="center" vertical="center" wrapText="1"/>
    </xf>
    <xf numFmtId="0" fontId="5" fillId="0" borderId="15" xfId="0" applyFont="1" applyBorder="1"/>
    <xf numFmtId="0" fontId="5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3" fillId="0" borderId="2" xfId="2" applyFont="1" applyBorder="1" applyAlignment="1">
      <alignment horizontal="center" vertical="center" wrapText="1"/>
    </xf>
    <xf numFmtId="164" fontId="5" fillId="0" borderId="2" xfId="0" applyNumberFormat="1" applyFont="1" applyBorder="1" applyAlignment="1">
      <alignment horizontal="center" vertical="center" wrapText="1"/>
    </xf>
    <xf numFmtId="9" fontId="5" fillId="0" borderId="2" xfId="1" applyFont="1" applyBorder="1" applyAlignment="1">
      <alignment horizontal="center" vertical="center" wrapText="1"/>
    </xf>
    <xf numFmtId="164" fontId="5" fillId="4" borderId="25" xfId="0" applyNumberFormat="1" applyFont="1" applyFill="1" applyBorder="1" applyAlignment="1">
      <alignment horizontal="center" vertical="center" wrapText="1"/>
    </xf>
    <xf numFmtId="164" fontId="5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5" fillId="0" borderId="18" xfId="0" applyNumberFormat="1" applyFont="1" applyBorder="1" applyAlignment="1">
      <alignment vertical="center" wrapText="1"/>
    </xf>
    <xf numFmtId="0" fontId="5" fillId="0" borderId="0" xfId="0" applyFont="1"/>
    <xf numFmtId="164" fontId="5" fillId="0" borderId="1" xfId="0" applyNumberFormat="1" applyFont="1" applyBorder="1" applyAlignment="1">
      <alignment horizontal="center" vertical="center" wrapText="1"/>
    </xf>
    <xf numFmtId="164" fontId="5" fillId="0" borderId="27" xfId="0" applyNumberFormat="1" applyFont="1" applyBorder="1" applyAlignment="1">
      <alignment horizontal="center" vertical="center" wrapText="1"/>
    </xf>
    <xf numFmtId="164" fontId="5" fillId="0" borderId="1" xfId="0" applyNumberFormat="1" applyFont="1" applyBorder="1" applyAlignment="1">
      <alignment vertical="center" wrapText="1"/>
    </xf>
    <xf numFmtId="164" fontId="5" fillId="3" borderId="26" xfId="0" applyNumberFormat="1" applyFont="1" applyFill="1" applyBorder="1" applyAlignment="1">
      <alignment horizontal="center" vertical="center" wrapText="1"/>
    </xf>
    <xf numFmtId="164" fontId="5" fillId="4" borderId="29" xfId="0" applyNumberFormat="1" applyFont="1" applyFill="1" applyBorder="1" applyAlignment="1">
      <alignment horizontal="center" vertical="center" wrapText="1"/>
    </xf>
    <xf numFmtId="164" fontId="5" fillId="2" borderId="4" xfId="0" applyNumberFormat="1" applyFont="1" applyFill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wrapText="1"/>
    </xf>
    <xf numFmtId="0" fontId="5" fillId="0" borderId="0" xfId="0" applyFont="1" applyAlignment="1">
      <alignment horizontal="center" wrapText="1"/>
    </xf>
    <xf numFmtId="0" fontId="5" fillId="0" borderId="3" xfId="0" applyFont="1" applyBorder="1" applyAlignment="1">
      <alignment horizontal="center" wrapText="1"/>
    </xf>
    <xf numFmtId="0" fontId="5" fillId="0" borderId="9" xfId="0" applyFont="1" applyBorder="1" applyAlignment="1">
      <alignment horizontal="center" wrapText="1"/>
    </xf>
    <xf numFmtId="0" fontId="5" fillId="0" borderId="10" xfId="0" applyFont="1" applyBorder="1" applyAlignment="1">
      <alignment horizontal="center" wrapText="1"/>
    </xf>
    <xf numFmtId="0" fontId="5" fillId="0" borderId="1" xfId="0" applyFont="1" applyBorder="1" applyAlignment="1">
      <alignment horizontal="center" wrapText="1"/>
    </xf>
    <xf numFmtId="0" fontId="8" fillId="0" borderId="9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4" fillId="0" borderId="30" xfId="0" applyFont="1" applyBorder="1" applyAlignment="1">
      <alignment horizontal="center" vertical="center" wrapText="1"/>
    </xf>
    <xf numFmtId="0" fontId="21" fillId="0" borderId="2" xfId="3" applyFont="1" applyBorder="1" applyAlignment="1">
      <alignment vertical="center" wrapText="1"/>
    </xf>
    <xf numFmtId="0" fontId="4" fillId="0" borderId="5" xfId="0" applyFont="1" applyBorder="1" applyAlignment="1">
      <alignment horizontal="center"/>
    </xf>
    <xf numFmtId="0" fontId="4" fillId="0" borderId="6" xfId="0" applyFont="1" applyBorder="1" applyAlignment="1">
      <alignment horizontal="center"/>
    </xf>
    <xf numFmtId="0" fontId="4" fillId="0" borderId="7" xfId="0" applyFont="1" applyBorder="1" applyAlignment="1">
      <alignment horizontal="center"/>
    </xf>
  </cellXfs>
  <cellStyles count="20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R31"/>
  <sheetViews>
    <sheetView tabSelected="1" topLeftCell="A24" workbookViewId="0">
      <selection activeCell="E25" sqref="E25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5" width="43.140625" customWidth="1"/>
    <col min="6" max="6" width="43.85546875" customWidth="1"/>
    <col min="7" max="7" width="12.85546875" customWidth="1"/>
    <col min="8" max="8" width="14.7109375" customWidth="1"/>
    <col min="9" max="9" width="13.28515625" customWidth="1"/>
    <col min="10" max="10" width="11.140625" customWidth="1"/>
    <col min="11" max="11" width="13.5703125" customWidth="1"/>
    <col min="12" max="12" width="13.140625" customWidth="1"/>
    <col min="14" max="14" width="11.140625" bestFit="1" customWidth="1"/>
  </cols>
  <sheetData>
    <row r="2" spans="3:18" x14ac:dyDescent="0.2"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</row>
    <row r="7" spans="3:18" ht="15.75" customHeight="1" x14ac:dyDescent="0.2">
      <c r="C7" s="28" t="s">
        <v>28</v>
      </c>
      <c r="D7" s="29"/>
      <c r="E7" s="29"/>
      <c r="F7" s="29"/>
      <c r="G7" s="29"/>
      <c r="H7" s="29"/>
      <c r="I7" s="29"/>
      <c r="J7" s="30"/>
      <c r="K7" s="28" t="s">
        <v>22</v>
      </c>
      <c r="L7" s="29"/>
      <c r="M7" s="29"/>
      <c r="N7" s="30"/>
    </row>
    <row r="8" spans="3:18" ht="15.75" customHeight="1" x14ac:dyDescent="0.2">
      <c r="C8" s="31"/>
      <c r="D8" s="32"/>
      <c r="E8" s="32"/>
      <c r="F8" s="32"/>
      <c r="G8" s="32"/>
      <c r="H8" s="32"/>
      <c r="I8" s="32"/>
      <c r="J8" s="33"/>
      <c r="K8" s="34"/>
      <c r="L8" s="35"/>
      <c r="M8" s="35"/>
      <c r="N8" s="36"/>
    </row>
    <row r="9" spans="3:18" ht="27.75" customHeight="1" thickBot="1" x14ac:dyDescent="0.25">
      <c r="C9" s="28" t="s">
        <v>30</v>
      </c>
      <c r="D9" s="29"/>
      <c r="E9" s="29"/>
      <c r="F9" s="29"/>
      <c r="G9" s="29"/>
      <c r="H9" s="29"/>
      <c r="I9" s="29"/>
      <c r="J9" s="30"/>
      <c r="K9" s="37"/>
      <c r="L9" s="38"/>
      <c r="M9" s="38"/>
      <c r="N9" s="39"/>
    </row>
    <row r="10" spans="3:18" ht="15.75" thickBot="1" x14ac:dyDescent="0.25">
      <c r="C10" s="2"/>
      <c r="D10" s="3"/>
      <c r="E10" s="4" t="s">
        <v>32</v>
      </c>
      <c r="F10" s="4" t="s">
        <v>14</v>
      </c>
      <c r="G10" s="4" t="s">
        <v>21</v>
      </c>
      <c r="H10" s="5" t="s">
        <v>0</v>
      </c>
      <c r="I10" s="6" t="s">
        <v>1</v>
      </c>
      <c r="J10" s="7" t="s">
        <v>11</v>
      </c>
      <c r="K10" s="8" t="s">
        <v>20</v>
      </c>
      <c r="L10" s="5" t="s">
        <v>10</v>
      </c>
      <c r="M10" s="9" t="s">
        <v>16</v>
      </c>
      <c r="N10" s="10" t="s">
        <v>17</v>
      </c>
    </row>
    <row r="11" spans="3:18" ht="72.75" customHeight="1" x14ac:dyDescent="0.2">
      <c r="C11" s="11" t="s">
        <v>12</v>
      </c>
      <c r="D11" s="11" t="s">
        <v>2</v>
      </c>
      <c r="E11" s="5" t="s">
        <v>31</v>
      </c>
      <c r="F11" s="5" t="s">
        <v>27</v>
      </c>
      <c r="G11" s="5" t="s">
        <v>6</v>
      </c>
      <c r="H11" s="57" t="s">
        <v>5</v>
      </c>
      <c r="I11" s="9" t="s">
        <v>4</v>
      </c>
      <c r="J11" s="9" t="s">
        <v>8</v>
      </c>
      <c r="K11" s="9" t="s">
        <v>19</v>
      </c>
      <c r="L11" s="9" t="s">
        <v>3</v>
      </c>
      <c r="M11" s="9" t="s">
        <v>7</v>
      </c>
      <c r="N11" s="10" t="s">
        <v>9</v>
      </c>
      <c r="O11" s="1"/>
      <c r="P11" s="1"/>
      <c r="Q11" s="1"/>
    </row>
    <row r="12" spans="3:18" ht="296.25" customHeight="1" x14ac:dyDescent="0.2">
      <c r="C12" s="12" t="s">
        <v>18</v>
      </c>
      <c r="D12" s="58" t="s">
        <v>29</v>
      </c>
      <c r="E12" s="58"/>
      <c r="F12" s="12"/>
      <c r="G12" s="13" t="s">
        <v>26</v>
      </c>
      <c r="H12" s="14">
        <v>480</v>
      </c>
      <c r="I12" s="15"/>
      <c r="J12" s="15">
        <f>ROUND(H12*I12,2)</f>
        <v>0</v>
      </c>
      <c r="K12" s="16"/>
      <c r="L12" s="15">
        <f>ROUND(J12*K12,2)</f>
        <v>0</v>
      </c>
      <c r="M12" s="15">
        <f>ROUND(N12/H12,2)</f>
        <v>0</v>
      </c>
      <c r="N12" s="15">
        <f>ROUND(SUM(J12,L12),2)</f>
        <v>0</v>
      </c>
      <c r="O12" s="1"/>
      <c r="P12" s="1"/>
      <c r="Q12" s="1"/>
    </row>
    <row r="13" spans="3:18" ht="30.75" customHeight="1" thickBot="1" x14ac:dyDescent="0.25">
      <c r="C13" s="40"/>
      <c r="D13" s="40"/>
      <c r="E13" s="40"/>
      <c r="F13" s="40"/>
      <c r="G13" s="40"/>
      <c r="H13" s="40"/>
      <c r="I13" s="17" t="s">
        <v>13</v>
      </c>
      <c r="J13" s="26">
        <f>SUM(J12:J12)</f>
        <v>0</v>
      </c>
      <c r="K13" s="18"/>
      <c r="L13" s="18"/>
      <c r="M13" s="18"/>
      <c r="N13" s="18"/>
      <c r="O13" s="1"/>
      <c r="P13" s="1"/>
      <c r="Q13" s="1"/>
      <c r="R13" s="19"/>
    </row>
    <row r="14" spans="3:18" ht="26.25" customHeight="1" thickBot="1" x14ac:dyDescent="0.25">
      <c r="C14" s="41"/>
      <c r="D14" s="41"/>
      <c r="E14" s="41"/>
      <c r="F14" s="41"/>
      <c r="G14" s="41"/>
      <c r="H14" s="41"/>
      <c r="I14" s="20"/>
      <c r="J14" s="21"/>
      <c r="K14" s="27" t="s">
        <v>23</v>
      </c>
      <c r="L14" s="27">
        <f>SUM(L12:L13)</f>
        <v>0</v>
      </c>
      <c r="M14" s="22"/>
      <c r="N14" s="23"/>
      <c r="O14" s="1"/>
      <c r="P14" s="1"/>
      <c r="Q14" s="1"/>
      <c r="R14" s="19"/>
    </row>
    <row r="15" spans="3:18" ht="24" customHeight="1" thickBot="1" x14ac:dyDescent="0.25">
      <c r="C15" s="41"/>
      <c r="D15" s="41"/>
      <c r="E15" s="41"/>
      <c r="F15" s="41"/>
      <c r="G15" s="41"/>
      <c r="H15" s="41"/>
      <c r="I15" s="24"/>
      <c r="J15" s="15"/>
      <c r="K15" s="18"/>
      <c r="L15" s="18"/>
      <c r="M15" s="25" t="s">
        <v>24</v>
      </c>
      <c r="N15" s="25">
        <f>SUM(N12:N14)</f>
        <v>0</v>
      </c>
      <c r="O15" s="1"/>
      <c r="P15" s="1"/>
      <c r="Q15" s="1"/>
    </row>
    <row r="16" spans="3:18" ht="21.75" customHeight="1" x14ac:dyDescent="0.2">
      <c r="C16" s="42" t="s">
        <v>33</v>
      </c>
      <c r="D16" s="43"/>
      <c r="E16" s="43"/>
      <c r="F16" s="43"/>
      <c r="G16" s="43"/>
      <c r="H16" s="43"/>
      <c r="I16" s="44"/>
      <c r="J16" s="48" t="s">
        <v>15</v>
      </c>
      <c r="K16" s="49"/>
      <c r="L16" s="49"/>
      <c r="M16" s="49"/>
      <c r="N16" s="50"/>
      <c r="O16" s="1"/>
      <c r="P16" s="1"/>
      <c r="Q16" s="1"/>
    </row>
    <row r="17" spans="3:18" ht="26.25" customHeight="1" x14ac:dyDescent="0.2">
      <c r="C17" s="45"/>
      <c r="D17" s="46"/>
      <c r="E17" s="46"/>
      <c r="F17" s="46"/>
      <c r="G17" s="46"/>
      <c r="H17" s="46"/>
      <c r="I17" s="47"/>
      <c r="J17" s="48"/>
      <c r="K17" s="49"/>
      <c r="L17" s="49"/>
      <c r="M17" s="49"/>
      <c r="N17" s="50"/>
      <c r="O17" s="1"/>
      <c r="P17" s="1"/>
      <c r="Q17" s="1"/>
    </row>
    <row r="18" spans="3:18" ht="59.25" customHeight="1" x14ac:dyDescent="0.2">
      <c r="C18" s="54" t="s">
        <v>25</v>
      </c>
      <c r="D18" s="55"/>
      <c r="E18" s="55"/>
      <c r="F18" s="55"/>
      <c r="G18" s="55"/>
      <c r="H18" s="55"/>
      <c r="I18" s="56"/>
      <c r="J18" s="51"/>
      <c r="K18" s="52"/>
      <c r="L18" s="52"/>
      <c r="M18" s="52"/>
      <c r="N18" s="53"/>
      <c r="O18" s="1"/>
      <c r="P18" s="1"/>
      <c r="Q18" s="1"/>
    </row>
    <row r="20" spans="3:18" ht="15.75" customHeight="1" x14ac:dyDescent="0.2">
      <c r="C20" s="28" t="s">
        <v>28</v>
      </c>
      <c r="D20" s="29"/>
      <c r="E20" s="29"/>
      <c r="F20" s="29"/>
      <c r="G20" s="29"/>
      <c r="H20" s="29"/>
      <c r="I20" s="29"/>
      <c r="J20" s="30"/>
      <c r="K20" s="28" t="s">
        <v>22</v>
      </c>
      <c r="L20" s="29"/>
      <c r="M20" s="29"/>
      <c r="N20" s="30"/>
    </row>
    <row r="21" spans="3:18" ht="15.75" customHeight="1" x14ac:dyDescent="0.2">
      <c r="C21" s="31"/>
      <c r="D21" s="32"/>
      <c r="E21" s="32"/>
      <c r="F21" s="32"/>
      <c r="G21" s="32"/>
      <c r="H21" s="32"/>
      <c r="I21" s="32"/>
      <c r="J21" s="33"/>
      <c r="K21" s="34"/>
      <c r="L21" s="35"/>
      <c r="M21" s="35"/>
      <c r="N21" s="36"/>
    </row>
    <row r="22" spans="3:18" ht="27.75" customHeight="1" thickBot="1" x14ac:dyDescent="0.3">
      <c r="C22" s="59" t="s">
        <v>34</v>
      </c>
      <c r="D22" s="60"/>
      <c r="E22" s="60"/>
      <c r="F22" s="60"/>
      <c r="G22" s="60"/>
      <c r="H22" s="60"/>
      <c r="I22" s="60"/>
      <c r="J22" s="61"/>
      <c r="K22" s="37"/>
      <c r="L22" s="38"/>
      <c r="M22" s="38"/>
      <c r="N22" s="39"/>
    </row>
    <row r="23" spans="3:18" ht="15.75" thickBot="1" x14ac:dyDescent="0.25">
      <c r="C23" s="2"/>
      <c r="D23" s="3"/>
      <c r="E23" s="4" t="s">
        <v>32</v>
      </c>
      <c r="F23" s="4" t="s">
        <v>14</v>
      </c>
      <c r="G23" s="4" t="s">
        <v>21</v>
      </c>
      <c r="H23" s="5" t="s">
        <v>0</v>
      </c>
      <c r="I23" s="6" t="s">
        <v>1</v>
      </c>
      <c r="J23" s="7" t="s">
        <v>11</v>
      </c>
      <c r="K23" s="8" t="s">
        <v>20</v>
      </c>
      <c r="L23" s="5" t="s">
        <v>10</v>
      </c>
      <c r="M23" s="9" t="s">
        <v>16</v>
      </c>
      <c r="N23" s="10" t="s">
        <v>17</v>
      </c>
    </row>
    <row r="24" spans="3:18" ht="72.75" customHeight="1" x14ac:dyDescent="0.2">
      <c r="C24" s="11" t="s">
        <v>12</v>
      </c>
      <c r="D24" s="11" t="s">
        <v>2</v>
      </c>
      <c r="E24" s="5" t="s">
        <v>31</v>
      </c>
      <c r="F24" s="5" t="s">
        <v>27</v>
      </c>
      <c r="G24" s="5" t="s">
        <v>6</v>
      </c>
      <c r="H24" s="57" t="s">
        <v>5</v>
      </c>
      <c r="I24" s="9" t="s">
        <v>4</v>
      </c>
      <c r="J24" s="9" t="s">
        <v>8</v>
      </c>
      <c r="K24" s="9" t="s">
        <v>19</v>
      </c>
      <c r="L24" s="9" t="s">
        <v>3</v>
      </c>
      <c r="M24" s="9" t="s">
        <v>7</v>
      </c>
      <c r="N24" s="10" t="s">
        <v>9</v>
      </c>
      <c r="O24" s="1"/>
      <c r="P24" s="1"/>
      <c r="Q24" s="1"/>
    </row>
    <row r="25" spans="3:18" ht="296.25" customHeight="1" x14ac:dyDescent="0.2">
      <c r="C25" s="12" t="s">
        <v>18</v>
      </c>
      <c r="D25" s="58" t="s">
        <v>35</v>
      </c>
      <c r="E25" s="58"/>
      <c r="F25" s="12"/>
      <c r="G25" s="13" t="s">
        <v>26</v>
      </c>
      <c r="H25" s="14">
        <v>10000</v>
      </c>
      <c r="I25" s="15"/>
      <c r="J25" s="15">
        <f>ROUND(H25*I25,2)</f>
        <v>0</v>
      </c>
      <c r="K25" s="16"/>
      <c r="L25" s="15">
        <f>ROUND(J25*K25,2)</f>
        <v>0</v>
      </c>
      <c r="M25" s="15">
        <f>ROUND(N25/H25,2)</f>
        <v>0</v>
      </c>
      <c r="N25" s="15">
        <f>ROUND(SUM(J25,L25),2)</f>
        <v>0</v>
      </c>
      <c r="O25" s="1"/>
      <c r="P25" s="1"/>
      <c r="Q25" s="1"/>
    </row>
    <row r="26" spans="3:18" ht="30.75" customHeight="1" thickBot="1" x14ac:dyDescent="0.25">
      <c r="C26" s="40"/>
      <c r="D26" s="40"/>
      <c r="E26" s="40"/>
      <c r="F26" s="40"/>
      <c r="G26" s="40"/>
      <c r="H26" s="40"/>
      <c r="I26" s="17" t="s">
        <v>13</v>
      </c>
      <c r="J26" s="26">
        <f>SUM(J25:J25)</f>
        <v>0</v>
      </c>
      <c r="K26" s="18"/>
      <c r="L26" s="18"/>
      <c r="M26" s="18"/>
      <c r="N26" s="18"/>
      <c r="O26" s="1"/>
      <c r="P26" s="1"/>
      <c r="Q26" s="1"/>
      <c r="R26" s="19"/>
    </row>
    <row r="27" spans="3:18" ht="26.25" customHeight="1" thickBot="1" x14ac:dyDescent="0.25">
      <c r="C27" s="41"/>
      <c r="D27" s="41"/>
      <c r="E27" s="41"/>
      <c r="F27" s="41"/>
      <c r="G27" s="41"/>
      <c r="H27" s="41"/>
      <c r="I27" s="20"/>
      <c r="J27" s="21"/>
      <c r="K27" s="27" t="s">
        <v>23</v>
      </c>
      <c r="L27" s="27">
        <f>SUM(L25:L26)</f>
        <v>0</v>
      </c>
      <c r="M27" s="22"/>
      <c r="N27" s="23"/>
      <c r="O27" s="1"/>
      <c r="P27" s="1"/>
      <c r="Q27" s="1"/>
      <c r="R27" s="19"/>
    </row>
    <row r="28" spans="3:18" ht="24" customHeight="1" thickBot="1" x14ac:dyDescent="0.25">
      <c r="C28" s="41"/>
      <c r="D28" s="41"/>
      <c r="E28" s="41"/>
      <c r="F28" s="41"/>
      <c r="G28" s="41"/>
      <c r="H28" s="41"/>
      <c r="I28" s="24"/>
      <c r="J28" s="15"/>
      <c r="K28" s="18"/>
      <c r="L28" s="18"/>
      <c r="M28" s="25" t="s">
        <v>24</v>
      </c>
      <c r="N28" s="25">
        <f>SUM(N25:N27)</f>
        <v>0</v>
      </c>
      <c r="O28" s="1"/>
      <c r="P28" s="1"/>
      <c r="Q28" s="1"/>
    </row>
    <row r="29" spans="3:18" ht="21.75" customHeight="1" x14ac:dyDescent="0.2">
      <c r="C29" s="42" t="s">
        <v>33</v>
      </c>
      <c r="D29" s="43"/>
      <c r="E29" s="43"/>
      <c r="F29" s="43"/>
      <c r="G29" s="43"/>
      <c r="H29" s="43"/>
      <c r="I29" s="44"/>
      <c r="J29" s="48" t="s">
        <v>15</v>
      </c>
      <c r="K29" s="49"/>
      <c r="L29" s="49"/>
      <c r="M29" s="49"/>
      <c r="N29" s="50"/>
      <c r="O29" s="1"/>
      <c r="P29" s="1"/>
      <c r="Q29" s="1"/>
    </row>
    <row r="30" spans="3:18" ht="26.25" customHeight="1" x14ac:dyDescent="0.2">
      <c r="C30" s="45"/>
      <c r="D30" s="46"/>
      <c r="E30" s="46"/>
      <c r="F30" s="46"/>
      <c r="G30" s="46"/>
      <c r="H30" s="46"/>
      <c r="I30" s="47"/>
      <c r="J30" s="48"/>
      <c r="K30" s="49"/>
      <c r="L30" s="49"/>
      <c r="M30" s="49"/>
      <c r="N30" s="50"/>
      <c r="O30" s="1"/>
      <c r="P30" s="1"/>
      <c r="Q30" s="1"/>
    </row>
    <row r="31" spans="3:18" ht="59.25" customHeight="1" x14ac:dyDescent="0.2">
      <c r="C31" s="54" t="s">
        <v>25</v>
      </c>
      <c r="D31" s="55"/>
      <c r="E31" s="55"/>
      <c r="F31" s="55"/>
      <c r="G31" s="55"/>
      <c r="H31" s="55"/>
      <c r="I31" s="56"/>
      <c r="J31" s="51"/>
      <c r="K31" s="52"/>
      <c r="L31" s="52"/>
      <c r="M31" s="52"/>
      <c r="N31" s="53"/>
      <c r="O31" s="1"/>
      <c r="P31" s="1"/>
      <c r="Q31" s="1"/>
    </row>
  </sheetData>
  <mergeCells count="14">
    <mergeCell ref="C20:J21"/>
    <mergeCell ref="K20:N22"/>
    <mergeCell ref="C22:J22"/>
    <mergeCell ref="C26:H28"/>
    <mergeCell ref="C29:I30"/>
    <mergeCell ref="J29:N31"/>
    <mergeCell ref="C31:I31"/>
    <mergeCell ref="C7:J8"/>
    <mergeCell ref="K7:N9"/>
    <mergeCell ref="C9:J9"/>
    <mergeCell ref="C13:H15"/>
    <mergeCell ref="C16:I17"/>
    <mergeCell ref="J16:N18"/>
    <mergeCell ref="C18:I18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</vt:i4>
      </vt:variant>
      <vt:variant>
        <vt:lpstr>Nazwane zakresy</vt:lpstr>
      </vt:variant>
      <vt:variant>
        <vt:i4>1</vt:i4>
      </vt:variant>
    </vt:vector>
  </HeadingPairs>
  <TitlesOfParts>
    <vt:vector size="2" baseType="lpstr">
      <vt:lpstr>opis</vt:lpstr>
      <vt:lpstr>opis!Obszar_wydruk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7-31T06:30:11Z</dcterms:modified>
</cp:coreProperties>
</file>